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2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8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pPr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59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5962938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4665687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4040420" y="4532630"/>
            <a:ext cx="0" cy="8890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4040420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796111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5338697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dba9f1cc2041410b849ee590e76c7780_Connector2"/>
          <p:cNvCxnSpPr/>
          <p:nvPr>
            <p:custDataLst>
              <p:tags r:id="rId8"/>
            </p:custDataLst>
          </p:nvPr>
        </p:nvCxnSpPr>
        <p:spPr>
          <a:xfrm>
            <a:off x="4243709" y="1971040"/>
            <a:ext cx="0" cy="74676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dba9f1cc2041410b849ee590e76c7780_Connector1"/>
          <p:cNvCxnSpPr/>
          <p:nvPr>
            <p:custDataLst>
              <p:tags r:id="rId9"/>
            </p:custDataLst>
          </p:nvPr>
        </p:nvCxnSpPr>
        <p:spPr>
          <a:xfrm>
            <a:off x="4243709" y="1706880"/>
            <a:ext cx="0" cy="8890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2ba966897a34657afc169ade639a7fb_Connector1"/>
          <p:cNvCxnSpPr/>
          <p:nvPr>
            <p:custDataLst>
              <p:tags r:id="rId10"/>
            </p:custDataLst>
          </p:nvPr>
        </p:nvCxnSpPr>
        <p:spPr>
          <a:xfrm>
            <a:off x="1156575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11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7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2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844465" y="2743200"/>
            <a:ext cx="7467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7884715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7939143" y="32512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07306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75957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23079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250959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573092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25960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332310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00961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073118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475963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4823132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550964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5573145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625965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6323158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2"/>
            </p:custDataLst>
          </p:nvPr>
        </p:nvCxnSpPr>
        <p:spPr>
          <a:xfrm>
            <a:off x="700967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7073171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4"/>
            </p:custDataLst>
          </p:nvPr>
        </p:nvCxnSpPr>
        <p:spPr>
          <a:xfrm>
            <a:off x="775968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5"/>
            </p:custDataLst>
          </p:nvPr>
        </p:nvSpPr>
        <p:spPr>
          <a:xfrm>
            <a:off x="7823184" y="28406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M_22ba966897a34657afc169ade639a7fb_Title"/>
          <p:cNvSpPr txBox="1"/>
          <p:nvPr>
            <p:custDataLst>
              <p:tags r:id="rId36"/>
            </p:custDataLst>
          </p:nvPr>
        </p:nvSpPr>
        <p:spPr>
          <a:xfrm>
            <a:off x="1378825" y="1795780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smtClean="0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  <a:endParaRPr lang="en-US" sz="1200" spc="-4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461" name="OTLSHAPE_M_22ba966897a34657afc169ade639a7fb_Date"/>
          <p:cNvSpPr txBox="1"/>
          <p:nvPr>
            <p:custDataLst>
              <p:tags r:id="rId37"/>
            </p:custDataLst>
          </p:nvPr>
        </p:nvSpPr>
        <p:spPr>
          <a:xfrm>
            <a:off x="1378825" y="1996440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October 1, 1978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2" name="OTLSHAPE_M_22ba966897a34657afc169ade639a7fb_Shape"/>
          <p:cNvSpPr/>
          <p:nvPr>
            <p:custDataLst>
              <p:tags r:id="rId38"/>
            </p:custDataLst>
          </p:nvPr>
        </p:nvSpPr>
        <p:spPr>
          <a:xfrm rot="16200000">
            <a:off x="1181975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M_f37dfb331cf44909bff180704ea51942_Title"/>
          <p:cNvSpPr txBox="1"/>
          <p:nvPr>
            <p:custDataLst>
              <p:tags r:id="rId39"/>
            </p:custDataLst>
          </p:nvPr>
        </p:nvSpPr>
        <p:spPr>
          <a:xfrm>
            <a:off x="1471073" y="2256790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64" name="OTLSHAPE_M_f37dfb331cf44909bff180704ea51942_Date"/>
          <p:cNvSpPr txBox="1"/>
          <p:nvPr>
            <p:custDataLst>
              <p:tags r:id="rId40"/>
            </p:custDataLst>
          </p:nvPr>
        </p:nvSpPr>
        <p:spPr>
          <a:xfrm>
            <a:off x="2025915" y="2457450"/>
            <a:ext cx="927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November 22, 198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5" name="OTLSHAPE_M_f37dfb331cf44909bff180704ea51942_Shape"/>
          <p:cNvSpPr/>
          <p:nvPr>
            <p:custDataLst>
              <p:tags r:id="rId41"/>
            </p:custDataLst>
          </p:nvPr>
        </p:nvSpPr>
        <p:spPr>
          <a:xfrm>
            <a:off x="2413371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M_dba9f1cc2041410b849ee590e76c7780_Title"/>
          <p:cNvSpPr txBox="1"/>
          <p:nvPr>
            <p:custDataLst>
              <p:tags r:id="rId42"/>
            </p:custDataLst>
          </p:nvPr>
        </p:nvSpPr>
        <p:spPr>
          <a:xfrm>
            <a:off x="3250632" y="1334770"/>
            <a:ext cx="198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67" name="OTLSHAPE_M_dba9f1cc2041410b849ee590e76c7780_Date"/>
          <p:cNvSpPr txBox="1"/>
          <p:nvPr>
            <p:custDataLst>
              <p:tags r:id="rId43"/>
            </p:custDataLst>
          </p:nvPr>
        </p:nvSpPr>
        <p:spPr>
          <a:xfrm>
            <a:off x="3945005" y="1535430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April 1, 199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68" name="OTLSHAPE_M_dba9f1cc2041410b849ee590e76c7780_Shape"/>
          <p:cNvSpPr/>
          <p:nvPr>
            <p:custDataLst>
              <p:tags r:id="rId44"/>
            </p:custDataLst>
          </p:nvPr>
        </p:nvSpPr>
        <p:spPr>
          <a:xfrm>
            <a:off x="416750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M_d508bc8e7bdc47cbb9f4b176c303be74_Title"/>
          <p:cNvSpPr txBox="1"/>
          <p:nvPr>
            <p:custDataLst>
              <p:tags r:id="rId45"/>
            </p:custDataLst>
          </p:nvPr>
        </p:nvSpPr>
        <p:spPr>
          <a:xfrm>
            <a:off x="4214218" y="1795780"/>
            <a:ext cx="2247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0" name="OTLSHAPE_M_d508bc8e7bdc47cbb9f4b176c303be74_Date"/>
          <p:cNvSpPr txBox="1"/>
          <p:nvPr>
            <p:custDataLst>
              <p:tags r:id="rId46"/>
            </p:custDataLst>
          </p:nvPr>
        </p:nvSpPr>
        <p:spPr>
          <a:xfrm>
            <a:off x="4935790" y="199644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February 1, 2001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1" name="OTLSHAPE_M_d508bc8e7bdc47cbb9f4b176c303be74_Shape"/>
          <p:cNvSpPr/>
          <p:nvPr>
            <p:custDataLst>
              <p:tags r:id="rId47"/>
            </p:custDataLst>
          </p:nvPr>
        </p:nvSpPr>
        <p:spPr>
          <a:xfrm>
            <a:off x="5224397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M_780b5cc5ec854e32ac6a67a30b714185_Title"/>
          <p:cNvSpPr txBox="1"/>
          <p:nvPr>
            <p:custDataLst>
              <p:tags r:id="rId48"/>
            </p:custDataLst>
          </p:nvPr>
        </p:nvSpPr>
        <p:spPr>
          <a:xfrm>
            <a:off x="5584940" y="2256790"/>
            <a:ext cx="2044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3" name="OTLSHAPE_M_780b5cc5ec854e32ac6a67a30b714185_Date"/>
          <p:cNvSpPr txBox="1"/>
          <p:nvPr>
            <p:custDataLst>
              <p:tags r:id="rId49"/>
            </p:custDataLst>
          </p:nvPr>
        </p:nvSpPr>
        <p:spPr>
          <a:xfrm>
            <a:off x="6173014" y="2457450"/>
            <a:ext cx="863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November 9, 2007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4" name="OTLSHAPE_M_780b5cc5ec854e32ac6a67a30b714185_Shape"/>
          <p:cNvSpPr/>
          <p:nvPr>
            <p:custDataLst>
              <p:tags r:id="rId50"/>
            </p:custDataLst>
          </p:nvPr>
        </p:nvSpPr>
        <p:spPr>
          <a:xfrm>
            <a:off x="6531514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M_516c2b687a0e49c6ad1a04234904938f_Title"/>
          <p:cNvSpPr txBox="1"/>
          <p:nvPr>
            <p:custDataLst>
              <p:tags r:id="rId51"/>
            </p:custDataLst>
          </p:nvPr>
        </p:nvSpPr>
        <p:spPr>
          <a:xfrm>
            <a:off x="8183360" y="2180590"/>
            <a:ext cx="419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 smtClean="0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476" name="OTLSHAPE_M_516c2b687a0e49c6ad1a04234904938f_Date"/>
          <p:cNvSpPr txBox="1"/>
          <p:nvPr>
            <p:custDataLst>
              <p:tags r:id="rId52"/>
            </p:custDataLst>
          </p:nvPr>
        </p:nvSpPr>
        <p:spPr>
          <a:xfrm>
            <a:off x="8183360" y="238125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anuary 15, 2015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477" name="OTLSHAPE_M_516c2b687a0e49c6ad1a04234904938f_Shape"/>
          <p:cNvSpPr/>
          <p:nvPr>
            <p:custDataLst>
              <p:tags r:id="rId53"/>
            </p:custDataLst>
          </p:nvPr>
        </p:nvSpPr>
        <p:spPr>
          <a:xfrm rot="16200000">
            <a:off x="7986510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" name="OTLSHAPE_M_18a521d68dbf408f93562c040cf7a4b1_Title"/>
          <p:cNvSpPr txBox="1"/>
          <p:nvPr>
            <p:custDataLst>
              <p:tags r:id="rId54"/>
            </p:custDataLst>
          </p:nvPr>
        </p:nvSpPr>
        <p:spPr>
          <a:xfrm>
            <a:off x="756371" y="3435350"/>
            <a:ext cx="2197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79" name="OTLSHAPE_M_18a521d68dbf408f93562c040cf7a4b1_Date"/>
          <p:cNvSpPr txBox="1"/>
          <p:nvPr>
            <p:custDataLst>
              <p:tags r:id="rId55"/>
            </p:custDataLst>
          </p:nvPr>
        </p:nvSpPr>
        <p:spPr>
          <a:xfrm>
            <a:off x="1543580" y="3263900"/>
            <a:ext cx="622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ly 14, 1982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0" name="OTLSHAPE_M_18a521d68dbf408f93562c040cf7a4b1_Shape"/>
          <p:cNvSpPr/>
          <p:nvPr>
            <p:custDataLst>
              <p:tags r:id="rId56"/>
            </p:custDataLst>
          </p:nvPr>
        </p:nvSpPr>
        <p:spPr>
          <a:xfrm>
            <a:off x="1783483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M_040648a26ff84468a24e7480ad91620e_Title"/>
          <p:cNvSpPr txBox="1"/>
          <p:nvPr>
            <p:custDataLst>
              <p:tags r:id="rId57"/>
            </p:custDataLst>
          </p:nvPr>
        </p:nvSpPr>
        <p:spPr>
          <a:xfrm>
            <a:off x="2975313" y="4818380"/>
            <a:ext cx="2120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2" name="OTLSHAPE_M_040648a26ff84468a24e7480ad91620e_Date"/>
          <p:cNvSpPr txBox="1"/>
          <p:nvPr>
            <p:custDataLst>
              <p:tags r:id="rId58"/>
            </p:custDataLst>
          </p:nvPr>
        </p:nvSpPr>
        <p:spPr>
          <a:xfrm>
            <a:off x="3701203" y="4646930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March 1, 1994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3" name="OTLSHAPE_M_040648a26ff84468a24e7480ad91620e_Shape"/>
          <p:cNvSpPr/>
          <p:nvPr>
            <p:custDataLst>
              <p:tags r:id="rId59"/>
            </p:custDataLst>
          </p:nvPr>
        </p:nvSpPr>
        <p:spPr>
          <a:xfrm>
            <a:off x="3926120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4" name="OTLSHAPE_M_3bdee929928a47ec82ab115ac7f7e690_Title"/>
          <p:cNvSpPr txBox="1"/>
          <p:nvPr>
            <p:custDataLst>
              <p:tags r:id="rId60"/>
            </p:custDataLst>
          </p:nvPr>
        </p:nvSpPr>
        <p:spPr>
          <a:xfrm>
            <a:off x="3651402" y="4357370"/>
            <a:ext cx="20193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5" name="OTLSHAPE_M_3bdee929928a47ec82ab115ac7f7e690_Date"/>
          <p:cNvSpPr txBox="1"/>
          <p:nvPr>
            <p:custDataLst>
              <p:tags r:id="rId61"/>
            </p:custDataLst>
          </p:nvPr>
        </p:nvSpPr>
        <p:spPr>
          <a:xfrm>
            <a:off x="4378540" y="4185920"/>
            <a:ext cx="571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ly 1, 1997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26" name="OTLSHAPE_M_3bdee929928a47ec82ab115ac7f7e690_Shape"/>
          <p:cNvSpPr/>
          <p:nvPr>
            <p:custDataLst>
              <p:tags r:id="rId62"/>
            </p:custDataLst>
          </p:nvPr>
        </p:nvSpPr>
        <p:spPr>
          <a:xfrm>
            <a:off x="4551387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M_2d20d7dcc94f4de2946e4373d494f10b_Title"/>
          <p:cNvSpPr txBox="1"/>
          <p:nvPr>
            <p:custDataLst>
              <p:tags r:id="rId63"/>
            </p:custDataLst>
          </p:nvPr>
        </p:nvSpPr>
        <p:spPr>
          <a:xfrm>
            <a:off x="4944377" y="3896360"/>
            <a:ext cx="203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28" name="OTLSHAPE_M_2d20d7dcc94f4de2946e4373d494f10b_Date"/>
          <p:cNvSpPr txBox="1"/>
          <p:nvPr>
            <p:custDataLst>
              <p:tags r:id="rId64"/>
            </p:custDataLst>
          </p:nvPr>
        </p:nvSpPr>
        <p:spPr>
          <a:xfrm>
            <a:off x="5655471" y="3724910"/>
            <a:ext cx="609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June 1, 2004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96" name="OTLSHAPE_M_2d20d7dcc94f4de2946e4373d494f10b_Shape"/>
          <p:cNvSpPr/>
          <p:nvPr>
            <p:custDataLst>
              <p:tags r:id="rId65"/>
            </p:custDataLst>
          </p:nvPr>
        </p:nvSpPr>
        <p:spPr>
          <a:xfrm flipV="1">
            <a:off x="5886738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M_531134c2e0824479a13cfb7e6eaeb30c_Title"/>
          <p:cNvSpPr txBox="1"/>
          <p:nvPr>
            <p:custDataLst>
              <p:tags r:id="rId66"/>
            </p:custDataLst>
          </p:nvPr>
        </p:nvSpPr>
        <p:spPr>
          <a:xfrm>
            <a:off x="6183731" y="3435350"/>
            <a:ext cx="20574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  <a:endParaRPr lang="en-US" sz="1200" spc="-4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98" name="OTLSHAPE_M_531134c2e0824479a13cfb7e6eaeb30c_Date"/>
          <p:cNvSpPr txBox="1"/>
          <p:nvPr>
            <p:custDataLst>
              <p:tags r:id="rId67"/>
            </p:custDataLst>
          </p:nvPr>
        </p:nvSpPr>
        <p:spPr>
          <a:xfrm>
            <a:off x="6812107" y="3263900"/>
            <a:ext cx="800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 Narrow" panose="020B0606020202030204" pitchFamily="34" charset="0"/>
              </a:rPr>
              <a:t>February 4, 2011</a:t>
            </a:r>
            <a:endParaRPr lang="en-US" sz="100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399" name="OTLSHAPE_M_531134c2e0824479a13cfb7e6eaeb30c_Shape"/>
          <p:cNvSpPr/>
          <p:nvPr>
            <p:custDataLst>
              <p:tags r:id="rId68"/>
            </p:custDataLst>
          </p:nvPr>
        </p:nvSpPr>
        <p:spPr>
          <a:xfrm>
            <a:off x="7138814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48" name="Table 44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45709641"/>
              </p:ext>
            </p:extLst>
          </p:nvPr>
        </p:nvGraphicFramePr>
        <p:xfrm>
          <a:off x="1711632" y="518694"/>
          <a:ext cx="6096000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 smtClean="0"/>
                        <a:t>TIMELINE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9380702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C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ksIlRyYW5zcGFyZW5jeSI6MC4wfX0sIklzVmlzaWJsZSI6dHJ1ZSwiV2lkdGgiOjg1OC4wLCJIZWlnaHQiOjM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Rm9yZWdyb3VuZCI6eyIkaWQiOiIxNSIsIkNvbG9yIjp7IiRpZCI6IjE2IiwiQSI6MjU1LCJSIjoxNjYsIkciOjE4MywiQiI6MzksIlRyYW5zcGFyZW5jeSI6MC4w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LCJUcmFuc3BhcmVuY3kiOjEwMC4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2NiwiRyI6MTgzLCJCIjozOSwiVHJhbnNwYXJlbmN5IjowL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ZvcmVncm91bmQiOnsiJGlkIjoiMzAiLCJDb2xvciI6eyIkaWQiOiIzMSIsIkEiOjI1NSwiUiI6MCwiRyI6MCwiQiI6MCwiVHJhbnNwYXJlbmN5IjowL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AsIlRyYW5zcGFyZW5jeSI6MC4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Rm9yZWdyb3VuZCI6eyIkaWQiOiI0MiIsIkNvbG9yIjp7IiRpZCI6IjQzIiwiQSI6MjU1LCJSIjoyNTUsIkciOjI1NSwiQiI6MjU1LCJUcmFuc3BhcmVuY3kiOjAu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LCJUcmFuc3BhcmVuY3kiOjcwLjE5NjA3ODQzMTM3MjU0MX19LCJBcHBlbmRZZWFyT25ZZWFyQ2hhbmdlIjp0cnVlLCJFbGFwc2VkVGltZUZvcm1hdCI6MCwiVG9kYXlNYXJrZXJQb3NpdGlvbiI6MCwiUXVpY2tQb3NpdGlvbiI6MywiQWJzb2x1dGVQb3NpdGlvbiI6MjE2LjAsIk1hcmdpbiI6eyIkaWQiOiI0OSIsIlRvcCI6MCwiTGVmdCI6MTAsIlJpZ2h0IjoxMCwiQm90dG9tIjowfSwiUGFkZGluZyI6eyIkaWQiOiI1MCIsIlRvcCI6MCwiTGVmdCI6MCwiUmlnaHQiOjAsIkJvdHRvbSI6MH0sIkJhY2tncm91bmQiOnsiJGlkIjoiNTEiLCJDb2xvciI6eyIkaWQiOiI1MiIsIkEiOjI1NSwiUiI6MzEsIkciOjczLCJCIjoxMjUsIlRyYW5zcGFyZW5jeSI6MC4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YsIlRyYW5zcGFyZW5jeSI6MC4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LCJUcmFuc3BhcmVuY3kiOjAuMH19LCJMaW5lV2VpZ2h0IjowLjAsIkxpbmVUeXBlIjowLCJQYXJlbnRTdHlsZSI6bnVsbH0sIlBhcmVudFN0eWxlIjpudWxsfSwiVGl0bGVTdHlsZSI6eyIkaWQiOiI2NSIsIkZvbnRTZXR0aW5ncyI6eyIkaWQiOiI2NiIsIkZvbnRTaXplIjoxMiwiRm9udE5hbWUiOiJBcmlhbCIsIklzQm9sZCI6ZmFsc2UsIklzSXRhbGljIjpmYWxzZSwiSXNVbmRlcmxpbmVkIjpmYWxzZSwiUGFyZW50U3R5bGUiOm51bGx9LCJGb3JlZ3JvdW5kIjp7IiRpZCI6IjY3IiwiQ29sb3IiOnsiJGlkIjoiNjgiLCJBIjoyNTUsIlIiOjk0LCJHIjo5NCwiQiI6OTQ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gTmFycm93IiwiSXNCb2xkIjpmYWxzZSwiSXNJdGFsaWMiOmZhbHNlLCJJc1VuZGVybGluZWQiOmZhbHNlLCJQYXJlbnRTdHlsZSI6bnVsbH0sIkZvcmVncm91bmQiOnsiJGlkIjoiNzQiLCJDb2xvciI6eyIkaWQiOiI3NSIsIkEiOjI1NSwiUiI6MTY2LCJHIjoxODMsIkIiOjM5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CwgeXl5eS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Rm9yZWdyb3VuZCI6eyIkaWQiOiI4MyIsIkNvbG9yIjp7IiRpZCI6Ijg0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QsIlRyYW5zcGFyZW5jeSI6MC4w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QsIlRyYW5zcGFyZW5jeSI6MC4w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Rm9yZWdyb3VuZCI6eyIkaWQiOiIxMDkiLCJDb2xvciI6eyIkaWQiOiIxMTAiLCJBIjoyNTUsIlIiOjAsIkciOjAsIkIiOjAsIlRyYW5zcGFyZW5jeSI6MC4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k0LCJHIjo5NCwiQiI6OTQ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E5NzgtMTAtMDFUMjM6NTk6NTkuOTk5WiIsIkVuZERhdGUiOiIyMDE1LTAxLTE1VDIzOjU5OjU5Ljk5OVoiLCJGb3JtYXQiOiJNTSIsIlR5cGUiOjQsIkF1dG9EYXRlUmFuZ2UiOnRydWUsIldvcmtpbmdEYXlzIjozMSwiVG9kYXlNYXJrZXJUZXh0IjoiVG9kYXkiLCJBdXRvU2NhbGVUeXBlIjp0cnVlfSwiTWlsZXN0b25lcyI6W3siJGlkIjoiMTIzIiwiRGF0ZSI6IjE5Nzg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jQ2LCJHIjoxNDYsIkIiOjAsIlRyYW5zcGFyZW5jeSI6MC4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ZvcmVncm91bmQiOnsiJGlkIjoiMTM0IiwiQ29sb3IiOnsiJGlkIjoiMTM1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gzLCJHIjo5MiwiQiI6MTk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2NCIsIk1hcmdpbiI6eyIkcmVmIjoiNjAifSwiUGFkZGluZyI6eyIkcmVmIjoiNjEifSwiQmFja2dyb3VuZCI6eyIkaWQiOiIxNjUiLCJDb2xvciI6eyIkaWQiOiIxNjYiLCJBIjoyNTUsIlIiOjY1LCJHIjoxMzgsIkIiOjE3OSwiVHJhbnNwYXJlbmN5IjowLjB9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CwiVHJhbnNwYXJlbmN5IjowLjB9fSwiSXNWaXNpYmxlIjp0cnVlLCJXaWR0aCI6MTguMCwiSGVpZ2h0IjoyMC4wLCJCb3JkZXJTdHlsZSI6eyIkaWQiOiIxODQiLCJMaW5lQ29sb3IiOnsiJHJlZiI6IjYzIn0sIkxpbmVXZWlnaHQiOjAuMCwiTGluZVR5cGUiOjAsIlBhcmVudFN0eWxlIjp7IiRyZWYiOiI2MiJ9fSwiUGFyZW50U3R5bGUiOnsiJHJlZiI6IjU5In19LCJUaXRsZVN0eWxlIjp7IiRpZCI6IjE4NSIsIkZvbnRTZXR0aW5ncyI6eyIkaWQiOiIxODY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yMywiRyI6ODMsIkIiOjM5LCJUcmFuc3BhcmVuY3kiOjAuMH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LCJUcmFuc3BhcmVuY3kiOjAuMH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aWQiOiIyNTkiLCJGb3JtYXRTdHJpbmciOiJNTU1NIGQsIHl5eXkiLCJTZXBhcmF0b3IiOiIvIiwiVXNlSW50ZXJuYXRpb25hbERhdGVGb3JtYXQiOmZhbHNlfSwiSXNWaXNpYmxlIjp0cnVlLCJQYXJlbnRTdHlsZSI6eyIkcmVmIjoiNTMifX0sIlBvc2l0aW9uIjp7IiRpZCI6IjI2MCIsIlJhdGlvIjowLjAsIklzQ3VzdG9tIjpmYWxzZX0sIklkIjoiMmQyMGQ3ZGMtYzk0Zi00ZGUyLTk0NmUtNDM3M2Q0OTRmMTBiIiwiVGl0bGUiOiJFaWdodCBNaWxlc3RvbmUgb3IgRXZlbnQgSGVyZSIsIk5vdGUiOm51bGwsIkh5cGVybGluayI6bnVsbCwiSXNDaGFuZ2VkIjpmYWxzZSwiSXNOZXciOmZhbHNlfSx7IiRpZCI6IjI2MSIsIkRhdGUiOiIyMDA3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IiLCJMaW5lQ29sb3IiOm51bGwsIkxpbmVXZWlnaHQiOjAuMCwiTGluZVR5cGUiOjAsIlBhcmVudFN0eWxlIjpudWxsfSwiUGFyZW50U3R5bGUiOnsiJHJlZiI6IjY1In19LCJEYXRlU3R5bGUiOnsiJGlkIjoiMjczIiwiRm9udFNldHRpbmdzIjp7IiRpZCI6IjI3N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UaXRsZSI6Ik5pbnRoIE1pbGVzdG9uZSBvciBFdmVudCBIZXJlIiwiTm90ZSI6bnVsbCwiSHlwZXJsaW5rIjpudWxsLCJJc0NoYW5nZWQiOmZhbHNlLCJJc05ldyI6ZmFsc2V9LHsiJGlkIjoiMjc4IiwiRGF0ZSI6IjIwMTEtMDItMDRUMjM6NTk6NTkuOTk5WiIsIlN0eWxlIjp7IiRpZCI6IjI3OSIsIlNoYXBlIjoxMiwiQ29ubmVjdG9yTWFyZ2luIjp7IiRyZWYiOiI1NCJ9LCJDb25uZWN0b3JTdHlsZSI6eyIkaWQiOiIyODAiLCJMaW5lQ29sb3IiOnsiJGlkIjoiMjgxIiwiJHR5cGUiOiJOTFJFLkNvbW1vbi5Eb20uU29saWRDb2xvckJydXNoLCBOTFJFLkNvbW1vbiIsIkNvbG9yIjp7IiRpZCI6IjI4MiIsIkEiOjg5LCJSIjo2NSwiRyI6MTM4LCJCIjoxN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SwiVHJhbnNwYXJlbmN5IjowLjB9fSwiSXNWaXNpYmxlIjp0cnVlLCJXaWR0aCI6MTIuMCwiSGVpZ2h0IjoxNC4wLCJCb3JkZXJTdHlsZSI6eyIkaWQiOiIyODYiLCJMaW5lQ29sb3IiOnsiJHJlZiI6IjYzIn0sIkxpbmVXZWlnaHQiOjAuMCwiTGluZVR5cGUiOjAsIlBhcmVudFN0eWxlIjp7IiRyZWYiOiI2MiJ9fSwiUGFyZW50U3R5bGUiOnsiJHJlZiI6IjU5In19LCJUaXRsZVN0eWxlIjp7IiRpZCI6IjI4NyIsIkZvbnRTZXR0aW5ncyI6eyIkaWQiOiIyODg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zAwIiwiTWFyZ2luIjp7IiRyZWYiOiI2MCJ9LCJQYWRkaW5nIjp7IiRyZWYiOiI2MSJ9LCJCYWNrZ3JvdW5kIjp7IiRpZCI6IjMwMSIsIkNvbG9yIjp7IiRpZCI6IjMwMiIsIkEiOjI1NSwiUiI6MjQ2LCJHIjoxNDYsIkIiOjAsIlRyYW5zcGFyZW5jeSI6MC4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ZvcmVncm91bmQiOnsiJGlkIjoiMzA2IiwiQ29sb3IiOnsiJGlkIjoiMzA3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LCJTbWFydFRpbWVsaW5lVGFza0R1cmF0aW9u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9</Words>
  <Application>Microsoft Office PowerPoint</Application>
  <PresentationFormat>On-screen Show (4:3)</PresentationFormat>
  <Paragraphs>3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Arial Narrow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2-16T21:57:04Z</dcterms:created>
  <dcterms:modified xsi:type="dcterms:W3CDTF">2016-04-11T00:55:56Z</dcterms:modified>
</cp:coreProperties>
</file>